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4"/>
  </p:sldMasterIdLst>
  <p:notesMasterIdLst>
    <p:notesMasterId r:id="rId18"/>
  </p:notesMasterIdLst>
  <p:sldIdLst>
    <p:sldId id="258" r:id="rId5"/>
    <p:sldId id="259" r:id="rId6"/>
    <p:sldId id="310" r:id="rId7"/>
    <p:sldId id="301" r:id="rId8"/>
    <p:sldId id="305" r:id="rId9"/>
    <p:sldId id="307" r:id="rId10"/>
    <p:sldId id="308" r:id="rId11"/>
    <p:sldId id="309" r:id="rId12"/>
    <p:sldId id="302" r:id="rId13"/>
    <p:sldId id="318" r:id="rId14"/>
    <p:sldId id="316" r:id="rId15"/>
    <p:sldId id="263" r:id="rId16"/>
    <p:sldId id="319" r:id="rId17"/>
  </p:sldIdLst>
  <p:sldSz cx="24387175" cy="13716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5A8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248"/>
    <p:restoredTop sz="96327"/>
  </p:normalViewPr>
  <p:slideViewPr>
    <p:cSldViewPr snapToGrid="0" snapToObjects="1">
      <p:cViewPr varScale="1">
        <p:scale>
          <a:sx n="53" d="100"/>
          <a:sy n="53" d="100"/>
        </p:scale>
        <p:origin x="192" y="6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43C7158-3EDA-D449-8D0F-DA0A67645948}" type="datetimeFigureOut">
              <a:rPr lang="en-US" smtClean="0"/>
              <a:t>10/26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E28C9E-AFDC-3345-9ED4-F0F60104F26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0979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Mojaloop</a:t>
            </a:r>
            <a:r>
              <a:rPr lang="en-US" dirty="0"/>
              <a:t> is not going to be adopted by every country in the world and it only solves one issue for national infrastructure.  We are part of a larger ecosystem that serves humans in the last mile.</a:t>
            </a:r>
          </a:p>
          <a:p>
            <a:endParaRPr lang="en-US" dirty="0"/>
          </a:p>
          <a:p>
            <a:r>
              <a:rPr lang="en-US" dirty="0"/>
              <a:t>Unfortunately </a:t>
            </a:r>
            <a:r>
              <a:rPr lang="en-US" dirty="0" err="1"/>
              <a:t>Mojaloop</a:t>
            </a:r>
            <a:r>
              <a:rPr lang="en-US" dirty="0"/>
              <a:t> is special – it makes it a more efficient system at scale – but as we’ve already discussed – that makes it difficult.  </a:t>
            </a:r>
          </a:p>
          <a:p>
            <a:endParaRPr lang="en-US" dirty="0"/>
          </a:p>
          <a:p>
            <a:r>
              <a:rPr lang="en-US" dirty="0"/>
              <a:t>To look at how this has already started working – please look at the partnerships and relationships we’ve developed around Cross border – Visa, BIS, Ant, </a:t>
            </a:r>
            <a:r>
              <a:rPr lang="en-US" dirty="0" err="1"/>
              <a:t>RedCompass</a:t>
            </a:r>
            <a:r>
              <a:rPr lang="en-US" dirty="0"/>
              <a:t>, MAS, NPCI – not to mention the CBDC center of excellence which is focused on Cross border.   </a:t>
            </a:r>
          </a:p>
          <a:p>
            <a:endParaRPr lang="en-US" dirty="0"/>
          </a:p>
          <a:p>
            <a:r>
              <a:rPr lang="en-US" dirty="0"/>
              <a:t>With DPG interoperability, we’ve got two programs – G2P Connect and the Digital Convergence initiativ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0E28C9E-AFDC-3345-9ED4-F0F60104F264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64309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1212E7D8-EF21-2543-93D3-E52749CD1EC8}"/>
              </a:ext>
            </a:extLst>
          </p:cNvPr>
          <p:cNvSpPr/>
          <p:nvPr userDrawn="1"/>
        </p:nvSpPr>
        <p:spPr>
          <a:xfrm>
            <a:off x="861219" y="3595738"/>
            <a:ext cx="25129908" cy="8531688"/>
          </a:xfrm>
          <a:prstGeom prst="roundRect">
            <a:avLst>
              <a:gd name="adj" fmla="val 6683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2286059" cy="4519609"/>
          </a:xfrm>
        </p:spPr>
        <p:txBody>
          <a:bodyPr anchor="b"/>
          <a:lstStyle>
            <a:lvl1pPr algn="l">
              <a:defRPr sz="120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95847" y="9308787"/>
            <a:ext cx="14344253" cy="2310326"/>
          </a:xfrm>
        </p:spPr>
        <p:txBody>
          <a:bodyPr/>
          <a:lstStyle>
            <a:lvl1pPr marL="0" indent="0" algn="l">
              <a:buNone/>
              <a:defRPr sz="4800">
                <a:solidFill>
                  <a:schemeClr val="bg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4AC1ED45-D031-B94A-BAB1-482F24228794}"/>
              </a:ext>
            </a:extLst>
          </p:cNvPr>
          <p:cNvSpPr>
            <a:spLocks noChangeAspect="1"/>
          </p:cNvSpPr>
          <p:nvPr userDrawn="1"/>
        </p:nvSpPr>
        <p:spPr>
          <a:xfrm>
            <a:off x="16183637" y="9013230"/>
            <a:ext cx="3257669" cy="3257669"/>
          </a:xfrm>
          <a:prstGeom prst="ellipse">
            <a:avLst/>
          </a:prstGeom>
          <a:noFill/>
          <a:ln w="14605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BB531EC2-BD07-9544-89FF-31AE4C23EC5E}"/>
              </a:ext>
            </a:extLst>
          </p:cNvPr>
          <p:cNvSpPr>
            <a:spLocks noChangeAspect="1"/>
          </p:cNvSpPr>
          <p:nvPr userDrawn="1"/>
        </p:nvSpPr>
        <p:spPr>
          <a:xfrm>
            <a:off x="21320100" y="4425142"/>
            <a:ext cx="3608615" cy="3608615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2B1EF47-5F45-A042-A683-AA31B481CD13}"/>
              </a:ext>
            </a:extLst>
          </p:cNvPr>
          <p:cNvSpPr>
            <a:spLocks noChangeAspect="1"/>
          </p:cNvSpPr>
          <p:nvPr userDrawn="1"/>
        </p:nvSpPr>
        <p:spPr>
          <a:xfrm>
            <a:off x="17762247" y="5257042"/>
            <a:ext cx="5917515" cy="5917515"/>
          </a:xfrm>
          <a:prstGeom prst="ellipse">
            <a:avLst/>
          </a:prstGeom>
          <a:noFill/>
          <a:ln w="152400">
            <a:gradFill>
              <a:gsLst>
                <a:gs pos="100000">
                  <a:schemeClr val="accent2"/>
                </a:gs>
                <a:gs pos="0">
                  <a:schemeClr val="accent4"/>
                </a:gs>
              </a:gsLst>
              <a:lin ang="72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3CDE4030-1079-0643-B091-D5D05B6A1734}"/>
              </a:ext>
            </a:extLst>
          </p:cNvPr>
          <p:cNvSpPr>
            <a:spLocks noChangeAspect="1"/>
          </p:cNvSpPr>
          <p:nvPr userDrawn="1"/>
        </p:nvSpPr>
        <p:spPr>
          <a:xfrm>
            <a:off x="16489928" y="351150"/>
            <a:ext cx="6658628" cy="6658628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2522722A-C71E-C24E-832F-3645EE12FC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7205779" y="906822"/>
            <a:ext cx="5226926" cy="5417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1848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4CEF126B-F56C-6046-9078-242D284DDAF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79786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CB14EC90-E499-7F40-A81C-63D0DD2592C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20" name="Freeform 19">
            <a:extLst>
              <a:ext uri="{FF2B5EF4-FFF2-40B4-BE49-F238E27FC236}">
                <a16:creationId xmlns:a16="http://schemas.microsoft.com/office/drawing/2014/main" id="{67DCEFF5-0D7E-ED41-AB7F-7D0FBD83F9E6}"/>
              </a:ext>
            </a:extLst>
          </p:cNvPr>
          <p:cNvSpPr/>
          <p:nvPr userDrawn="1"/>
        </p:nvSpPr>
        <p:spPr>
          <a:xfrm>
            <a:off x="861219" y="3595738"/>
            <a:ext cx="25129909" cy="8531688"/>
          </a:xfrm>
          <a:custGeom>
            <a:avLst/>
            <a:gdLst>
              <a:gd name="connsiteX0" fmla="*/ 570174 w 25129909"/>
              <a:gd name="connsiteY0" fmla="*/ 0 h 8531688"/>
              <a:gd name="connsiteX1" fmla="*/ 15632987 w 25129909"/>
              <a:gd name="connsiteY1" fmla="*/ 0 h 8531688"/>
              <a:gd name="connsiteX2" fmla="*/ 15628709 w 25129909"/>
              <a:gd name="connsiteY2" fmla="*/ 84726 h 8531688"/>
              <a:gd name="connsiteX3" fmla="*/ 18958023 w 25129909"/>
              <a:gd name="connsiteY3" fmla="*/ 3414040 h 8531688"/>
              <a:gd name="connsiteX4" fmla="*/ 22287337 w 25129909"/>
              <a:gd name="connsiteY4" fmla="*/ 84726 h 8531688"/>
              <a:gd name="connsiteX5" fmla="*/ 22283059 w 25129909"/>
              <a:gd name="connsiteY5" fmla="*/ 0 h 8531688"/>
              <a:gd name="connsiteX6" fmla="*/ 24559737 w 25129909"/>
              <a:gd name="connsiteY6" fmla="*/ 0 h 8531688"/>
              <a:gd name="connsiteX7" fmla="*/ 25129909 w 25129909"/>
              <a:gd name="connsiteY7" fmla="*/ 570173 h 8531688"/>
              <a:gd name="connsiteX8" fmla="*/ 25129909 w 25129909"/>
              <a:gd name="connsiteY8" fmla="*/ 7961515 h 8531688"/>
              <a:gd name="connsiteX9" fmla="*/ 24559737 w 25129909"/>
              <a:gd name="connsiteY9" fmla="*/ 8531688 h 8531688"/>
              <a:gd name="connsiteX10" fmla="*/ 570174 w 25129909"/>
              <a:gd name="connsiteY10" fmla="*/ 8531688 h 8531688"/>
              <a:gd name="connsiteX11" fmla="*/ 0 w 25129909"/>
              <a:gd name="connsiteY11" fmla="*/ 7961515 h 8531688"/>
              <a:gd name="connsiteX12" fmla="*/ 0 w 25129909"/>
              <a:gd name="connsiteY12" fmla="*/ 570173 h 8531688"/>
              <a:gd name="connsiteX13" fmla="*/ 570174 w 25129909"/>
              <a:gd name="connsiteY13" fmla="*/ 0 h 8531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25129909" h="8531688">
                <a:moveTo>
                  <a:pt x="570174" y="0"/>
                </a:moveTo>
                <a:lnTo>
                  <a:pt x="15632987" y="0"/>
                </a:lnTo>
                <a:lnTo>
                  <a:pt x="15628709" y="84726"/>
                </a:lnTo>
                <a:cubicBezTo>
                  <a:pt x="15628709" y="1923455"/>
                  <a:pt x="17119293" y="3414040"/>
                  <a:pt x="18958023" y="3414040"/>
                </a:cubicBezTo>
                <a:cubicBezTo>
                  <a:pt x="20796753" y="3414040"/>
                  <a:pt x="22287337" y="1923455"/>
                  <a:pt x="22287337" y="84726"/>
                </a:cubicBezTo>
                <a:lnTo>
                  <a:pt x="22283059" y="0"/>
                </a:lnTo>
                <a:lnTo>
                  <a:pt x="24559737" y="0"/>
                </a:lnTo>
                <a:cubicBezTo>
                  <a:pt x="24874633" y="0"/>
                  <a:pt x="25129909" y="255275"/>
                  <a:pt x="25129909" y="570173"/>
                </a:cubicBezTo>
                <a:lnTo>
                  <a:pt x="25129909" y="7961515"/>
                </a:lnTo>
                <a:cubicBezTo>
                  <a:pt x="25129909" y="8276413"/>
                  <a:pt x="24874633" y="8531688"/>
                  <a:pt x="24559737" y="8531688"/>
                </a:cubicBezTo>
                <a:lnTo>
                  <a:pt x="570174" y="8531688"/>
                </a:lnTo>
                <a:cubicBezTo>
                  <a:pt x="255275" y="8531688"/>
                  <a:pt x="0" y="8276413"/>
                  <a:pt x="0" y="7961515"/>
                </a:cubicBezTo>
                <a:lnTo>
                  <a:pt x="0" y="570173"/>
                </a:lnTo>
                <a:cubicBezTo>
                  <a:pt x="0" y="255275"/>
                  <a:pt x="255275" y="0"/>
                  <a:pt x="570174" y="0"/>
                </a:cubicBezTo>
                <a:close/>
              </a:path>
            </a:pathLst>
          </a:custGeom>
          <a:solidFill>
            <a:schemeClr val="accent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b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95847" y="4203903"/>
            <a:ext cx="12286059" cy="4519609"/>
          </a:xfrm>
        </p:spPr>
        <p:txBody>
          <a:bodyPr anchor="b"/>
          <a:lstStyle>
            <a:lvl1pPr algn="l">
              <a:defRPr sz="120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95847" y="9308787"/>
            <a:ext cx="14344253" cy="2310326"/>
          </a:xfrm>
        </p:spPr>
        <p:txBody>
          <a:bodyPr/>
          <a:lstStyle>
            <a:lvl1pPr marL="0" indent="0" algn="l">
              <a:buNone/>
              <a:defRPr sz="4800">
                <a:solidFill>
                  <a:schemeClr val="bg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3" name="Graphic 12">
            <a:extLst>
              <a:ext uri="{FF2B5EF4-FFF2-40B4-BE49-F238E27FC236}">
                <a16:creationId xmlns:a16="http://schemas.microsoft.com/office/drawing/2014/main" id="{9E0E56EE-00B1-6C4C-9C45-C68FA4C4DCA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7205779" y="913387"/>
            <a:ext cx="5226926" cy="5417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72659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18914314" cy="265112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70CA752F-4157-1F49-9BD9-6341ACA14C3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13727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62D33483-5DC1-4919-B94C-777794C8A76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alphaModFix/>
          </a:blip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17" name="Freeform 16">
            <a:extLst>
              <a:ext uri="{FF2B5EF4-FFF2-40B4-BE49-F238E27FC236}">
                <a16:creationId xmlns:a16="http://schemas.microsoft.com/office/drawing/2014/main" id="{962299F1-A818-E549-B104-1D7345A9E9C5}"/>
              </a:ext>
            </a:extLst>
          </p:cNvPr>
          <p:cNvSpPr/>
          <p:nvPr userDrawn="1"/>
        </p:nvSpPr>
        <p:spPr>
          <a:xfrm>
            <a:off x="50103" y="564204"/>
            <a:ext cx="24387176" cy="5466945"/>
          </a:xfrm>
          <a:custGeom>
            <a:avLst/>
            <a:gdLst>
              <a:gd name="connsiteX0" fmla="*/ 0 w 24387176"/>
              <a:gd name="connsiteY0" fmla="*/ 0 h 5466945"/>
              <a:gd name="connsiteX1" fmla="*/ 21570558 w 24387176"/>
              <a:gd name="connsiteY1" fmla="*/ 0 h 5466945"/>
              <a:gd name="connsiteX2" fmla="*/ 21515138 w 24387176"/>
              <a:gd name="connsiteY2" fmla="*/ 41442 h 5466945"/>
              <a:gd name="connsiteX3" fmla="*/ 20831244 w 24387176"/>
              <a:gd name="connsiteY3" fmla="*/ 1491610 h 5466945"/>
              <a:gd name="connsiteX4" fmla="*/ 22710556 w 24387176"/>
              <a:gd name="connsiteY4" fmla="*/ 3370921 h 5466945"/>
              <a:gd name="connsiteX5" fmla="*/ 24363046 w 24387176"/>
              <a:gd name="connsiteY5" fmla="*/ 2387401 h 5466945"/>
              <a:gd name="connsiteX6" fmla="*/ 24387176 w 24387176"/>
              <a:gd name="connsiteY6" fmla="*/ 2337309 h 5466945"/>
              <a:gd name="connsiteX7" fmla="*/ 24387176 w 24387176"/>
              <a:gd name="connsiteY7" fmla="*/ 5466945 h 5466945"/>
              <a:gd name="connsiteX8" fmla="*/ 0 w 24387176"/>
              <a:gd name="connsiteY8" fmla="*/ 5466945 h 54669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4387176" h="5466945">
                <a:moveTo>
                  <a:pt x="0" y="0"/>
                </a:moveTo>
                <a:lnTo>
                  <a:pt x="21570558" y="0"/>
                </a:lnTo>
                <a:lnTo>
                  <a:pt x="21515138" y="41442"/>
                </a:lnTo>
                <a:cubicBezTo>
                  <a:pt x="21097466" y="386136"/>
                  <a:pt x="20831244" y="907783"/>
                  <a:pt x="20831244" y="1491610"/>
                </a:cubicBezTo>
                <a:cubicBezTo>
                  <a:pt x="20831244" y="2529525"/>
                  <a:pt x="21672640" y="3370921"/>
                  <a:pt x="22710556" y="3370921"/>
                </a:cubicBezTo>
                <a:cubicBezTo>
                  <a:pt x="23424124" y="3370921"/>
                  <a:pt x="24044804" y="2973230"/>
                  <a:pt x="24363046" y="2387401"/>
                </a:cubicBezTo>
                <a:lnTo>
                  <a:pt x="24387176" y="2337309"/>
                </a:lnTo>
                <a:lnTo>
                  <a:pt x="24387176" y="5466945"/>
                </a:lnTo>
                <a:lnTo>
                  <a:pt x="0" y="5466945"/>
                </a:lnTo>
                <a:close/>
              </a:path>
            </a:pathLst>
          </a:custGeom>
          <a:solidFill>
            <a:schemeClr val="bg1">
              <a:alpha val="7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18869389" cy="265112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723FA03B-5C37-DA48-8571-A149C824F6D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42023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63917" y="3419477"/>
            <a:ext cx="13936867" cy="5705474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63917" y="9178927"/>
            <a:ext cx="21033938" cy="3000374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0BE23F3-E5CF-084E-8ACD-443D91AE88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7205779" y="794856"/>
            <a:ext cx="5226926" cy="5417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03400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51FDB6C-806C-4135-BCBC-52AC466F483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587" y="0"/>
            <a:ext cx="24384000" cy="13716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63917" y="3419477"/>
            <a:ext cx="14645007" cy="5705474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63917" y="9178927"/>
            <a:ext cx="21033938" cy="3000374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68A2998F-5049-1746-BAE0-89403B92597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7205779" y="794856"/>
            <a:ext cx="5226926" cy="5417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8096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19261275" cy="265112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676618" y="3651250"/>
            <a:ext cx="10364549" cy="87026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346008" y="3651250"/>
            <a:ext cx="10364549" cy="87026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1372E2AF-0D5A-1246-B93A-D8631C6A62F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62245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9795" y="730251"/>
            <a:ext cx="19052825" cy="265112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79796" y="3362326"/>
            <a:ext cx="10316917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679796" y="5010150"/>
            <a:ext cx="10316917" cy="7369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2346007" y="3362326"/>
            <a:ext cx="10367726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2346007" y="5010150"/>
            <a:ext cx="10367726" cy="7369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11E68B05-1CE0-3A43-9D27-682D924BE40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89794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19093324" cy="265112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10CA894B-6867-8D4E-B48A-8A4A1815F62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1491356" y="730251"/>
            <a:ext cx="2438400" cy="252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54417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21033938" cy="2651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76619" y="3651250"/>
            <a:ext cx="21033938" cy="870267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8078252" y="12712701"/>
            <a:ext cx="8230672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rgbClr val="005A83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7223443" y="12712701"/>
            <a:ext cx="5487114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rgbClr val="005A83"/>
                </a:solidFill>
              </a:defRPr>
            </a:lvl1pPr>
          </a:lstStyle>
          <a:p>
            <a:fld id="{20AF9D7A-5BEE-9245-944A-197F51D542D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894115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0" r:id="rId2"/>
    <p:sldLayoutId id="2147483662" r:id="rId3"/>
    <p:sldLayoutId id="2147483668" r:id="rId4"/>
    <p:sldLayoutId id="2147483663" r:id="rId5"/>
    <p:sldLayoutId id="2147483669" r:id="rId6"/>
    <p:sldLayoutId id="2147483664" r:id="rId7"/>
    <p:sldLayoutId id="2147483665" r:id="rId8"/>
    <p:sldLayoutId id="2147483666" r:id="rId9"/>
    <p:sldLayoutId id="2147483667" r:id="rId10"/>
  </p:sldLayoutIdLst>
  <p:hf hdr="0" ftr="0" dt="0"/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88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Char char="•"/>
        <a:defRPr sz="5600" kern="1200">
          <a:solidFill>
            <a:schemeClr val="tx1"/>
          </a:solidFill>
          <a:latin typeface="+mn-lt"/>
          <a:ea typeface="+mn-ea"/>
          <a:cs typeface="+mn-cs"/>
        </a:defRPr>
      </a:lvl1pPr>
      <a:lvl2pPr marL="1371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800" kern="1200">
          <a:solidFill>
            <a:schemeClr val="tx1"/>
          </a:solidFill>
          <a:latin typeface="+mn-lt"/>
          <a:ea typeface="+mn-ea"/>
          <a:cs typeface="+mn-cs"/>
        </a:defRPr>
      </a:lvl2pPr>
      <a:lvl3pPr marL="2286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0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1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mailto:soriko@mojaloop.io" TargetMode="Externa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24BDB1B-C0B9-4A3D-862F-7246D260B84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I-20 Community Update 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43F41FD9-E1B0-466E-B999-20F4C1B1DAA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Simeon Oriko</a:t>
            </a:r>
          </a:p>
          <a:p>
            <a:r>
              <a:rPr lang="en-US" dirty="0"/>
              <a:t>Director of Community</a:t>
            </a:r>
          </a:p>
          <a:p>
            <a:r>
              <a:rPr lang="en-US" dirty="0"/>
              <a:t>Mojaloop Found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BA304FD-7CAF-4D06-B5AC-16FD1757D6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015033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C205A-0451-81D5-0A07-08FC1C5B02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unity Governance Election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6907E5-354E-19BC-E9BD-942E9C772E9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785DA3-58DF-47A7-108C-210900EE12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840888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13A8CC-F7F4-0242-8A3C-B7BB87A902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KE" dirty="0"/>
              <a:t>2022 Election Sla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150CB20-FCE8-2B41-8FFC-53DB9731CE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lnSpc>
                <a:spcPct val="200000"/>
              </a:lnSpc>
            </a:pPr>
            <a:r>
              <a:rPr lang="en-KE" dirty="0"/>
              <a:t>Community Council (9 openings)</a:t>
            </a:r>
          </a:p>
          <a:p>
            <a:pPr>
              <a:lnSpc>
                <a:spcPct val="200000"/>
              </a:lnSpc>
            </a:pPr>
            <a:r>
              <a:rPr lang="en-KE" dirty="0"/>
              <a:t>Design Authority (5 openings)</a:t>
            </a:r>
          </a:p>
          <a:p>
            <a:pPr>
              <a:lnSpc>
                <a:spcPct val="200000"/>
              </a:lnSpc>
            </a:pPr>
            <a:r>
              <a:rPr lang="en-KE" dirty="0"/>
              <a:t>Change Control Board (2 openings)</a:t>
            </a:r>
          </a:p>
          <a:p>
            <a:pPr lvl="1">
              <a:lnSpc>
                <a:spcPct val="200000"/>
              </a:lnSpc>
            </a:pPr>
            <a:r>
              <a:rPr lang="en-KE" dirty="0"/>
              <a:t>Rapporteur (Chair)</a:t>
            </a:r>
          </a:p>
          <a:p>
            <a:pPr lvl="1">
              <a:lnSpc>
                <a:spcPct val="200000"/>
              </a:lnSpc>
            </a:pPr>
            <a:r>
              <a:rPr lang="en-KE" dirty="0"/>
              <a:t>Conveno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1F589C-85F1-6A46-8577-76B4D9E9C2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337283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B5F6699-26A5-4BAD-8B4B-69B4334155D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484152" y="25401"/>
            <a:ext cx="1025922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600" b="1">
                <a:solidFill>
                  <a:schemeClr val="accent2"/>
                </a:solidFill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879C5B8-83C8-4CEA-AF2A-B07105B0F73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690517" y="7297576"/>
            <a:ext cx="21031200" cy="508000"/>
          </a:xfrm>
          <a:prstGeom prst="roundRect">
            <a:avLst/>
          </a:prstGeom>
          <a:gradFill flip="none" rotWithShape="1">
            <a:gsLst>
              <a:gs pos="0">
                <a:srgbClr val="6F3198"/>
              </a:gs>
              <a:gs pos="100000">
                <a:srgbClr val="5D2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1DB5B7-A236-4770-A5C5-3D118543F1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0517" y="7297576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F455DDB1-E756-49A7-908C-8ABBC0C9F3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617947" y="7805577"/>
            <a:ext cx="152400" cy="16933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A271D63-CE52-43BF-B8A4-59A3BD813F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329715" y="12735468"/>
            <a:ext cx="712951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pc="-2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B362429-561E-49CF-B243-CCA3864C1D0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817517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0/2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9CB868-4C28-411A-9BB2-F6F458DFB50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318541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0" name="OTLSHAPE_TB_00000000000000000000000000000000_ScaleMarking1">
            <a:extLst>
              <a:ext uri="{FF2B5EF4-FFF2-40B4-BE49-F238E27FC236}">
                <a16:creationId xmlns:a16="http://schemas.microsoft.com/office/drawing/2014/main" id="{BC5D7DB0-5A4B-4C27-94E8-2DED1574C84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17518" y="6925467"/>
            <a:ext cx="628378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40">
                <a:solidFill>
                  <a:srgbClr val="6F3198"/>
                </a:solidFill>
                <a:latin typeface="Calibri" panose="020F0502020204030204" pitchFamily="34" charset="0"/>
              </a:rPr>
              <a:t>2022</a:t>
            </a:r>
            <a:endParaRPr lang="en-US" sz="2400" spc="-40" dirty="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B_00000000000000000000000000000000_TimescaleInterval3">
            <a:extLst>
              <a:ext uri="{FF2B5EF4-FFF2-40B4-BE49-F238E27FC236}">
                <a16:creationId xmlns:a16="http://schemas.microsoft.com/office/drawing/2014/main" id="{2912291A-54F7-4646-9156-D9F46D4D56A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819565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1/06</a:t>
            </a:r>
          </a:p>
        </p:txBody>
      </p:sp>
      <p:sp>
        <p:nvSpPr>
          <p:cNvPr id="204" name="OTLSHAPE_TB_00000000000000000000000000000000_TimescaleInterval4">
            <a:extLst>
              <a:ext uri="{FF2B5EF4-FFF2-40B4-BE49-F238E27FC236}">
                <a16:creationId xmlns:a16="http://schemas.microsoft.com/office/drawing/2014/main" id="{B1C4330D-1137-4359-AB12-54E61AAA09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2320591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1/13</a:t>
            </a:r>
          </a:p>
        </p:txBody>
      </p:sp>
      <p:sp>
        <p:nvSpPr>
          <p:cNvPr id="205" name="OTLSHAPE_TB_00000000000000000000000000000000_TimescaleInterval5">
            <a:extLst>
              <a:ext uri="{FF2B5EF4-FFF2-40B4-BE49-F238E27FC236}">
                <a16:creationId xmlns:a16="http://schemas.microsoft.com/office/drawing/2014/main" id="{987D5C3E-2F0D-4A3A-9280-30B5BFCAC8E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5821613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1/20</a:t>
            </a:r>
          </a:p>
        </p:txBody>
      </p:sp>
      <p:sp>
        <p:nvSpPr>
          <p:cNvPr id="11" name="OTLSHAPE_TB_00000000000000000000000000000000_TimescaleInterval6">
            <a:extLst>
              <a:ext uri="{FF2B5EF4-FFF2-40B4-BE49-F238E27FC236}">
                <a16:creationId xmlns:a16="http://schemas.microsoft.com/office/drawing/2014/main" id="{F733933B-4C2B-6D4E-0809-634B62F2A60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9322639" y="7365521"/>
            <a:ext cx="747000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400" spc="-32">
                <a:solidFill>
                  <a:schemeClr val="lt1"/>
                </a:solidFill>
                <a:latin typeface="Calibri" panose="020F0502020204030204" pitchFamily="34" charset="0"/>
              </a:rPr>
              <a:t>11/27</a:t>
            </a:r>
          </a:p>
        </p:txBody>
      </p:sp>
      <p:sp>
        <p:nvSpPr>
          <p:cNvPr id="221" name="OTLSHAPE_T_e1664b10a79849eaa7bb591159e4ff69_Shape">
            <a:extLst>
              <a:ext uri="{FF2B5EF4-FFF2-40B4-BE49-F238E27FC236}">
                <a16:creationId xmlns:a16="http://schemas.microsoft.com/office/drawing/2014/main" id="{43B7F5F5-F77C-4D65-9768-1D5E5937E9A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190957" y="3825396"/>
            <a:ext cx="50038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3" name="OTLSHAPE_T_85ffb43cdd974451936cad87c9bb5db3_Shape">
            <a:extLst>
              <a:ext uri="{FF2B5EF4-FFF2-40B4-BE49-F238E27FC236}">
                <a16:creationId xmlns:a16="http://schemas.microsoft.com/office/drawing/2014/main" id="{1D0CD880-495C-4772-8670-98F4152CB8D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192713" y="4242634"/>
            <a:ext cx="20066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5" name="OTLSHAPE_T_ee4428baded44f1b9fbe66b5519219b5_Shape">
            <a:extLst>
              <a:ext uri="{FF2B5EF4-FFF2-40B4-BE49-F238E27FC236}">
                <a16:creationId xmlns:a16="http://schemas.microsoft.com/office/drawing/2014/main" id="{EEEBB74C-187B-4CF0-9BE3-76E387002D9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193297" y="4659870"/>
            <a:ext cx="25146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7" name="OTLSHAPE_T_a1a676fbd78545babb16ecc35d69518b_Shape">
            <a:extLst>
              <a:ext uri="{FF2B5EF4-FFF2-40B4-BE49-F238E27FC236}">
                <a16:creationId xmlns:a16="http://schemas.microsoft.com/office/drawing/2014/main" id="{7E684BFA-413F-48C2-A178-28EB8CE77D7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694029" y="5077108"/>
            <a:ext cx="15240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9" name="OTLSHAPE_T_cfe82d0cbb74492e9807beb8c9c7b909_Shape">
            <a:extLst>
              <a:ext uri="{FF2B5EF4-FFF2-40B4-BE49-F238E27FC236}">
                <a16:creationId xmlns:a16="http://schemas.microsoft.com/office/drawing/2014/main" id="{99C0BF42-792A-4708-B75B-ED91FF5C4B3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6194759" y="5494346"/>
            <a:ext cx="5080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31" name="OTLSHAPE_T_9a73e463353c4d2abb641342adde4731_Shape">
            <a:extLst>
              <a:ext uri="{FF2B5EF4-FFF2-40B4-BE49-F238E27FC236}">
                <a16:creationId xmlns:a16="http://schemas.microsoft.com/office/drawing/2014/main" id="{DE8CFA1B-AF24-40C4-9325-20ABD6C45B1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6194759" y="6252620"/>
            <a:ext cx="6019800" cy="254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2" name="OTLSHAPE_T_e1664b10a79849eaa7bb591159e4ff69_ShapePercentage" hidden="1">
            <a:extLst>
              <a:ext uri="{FF2B5EF4-FFF2-40B4-BE49-F238E27FC236}">
                <a16:creationId xmlns:a16="http://schemas.microsoft.com/office/drawing/2014/main" id="{6FBCBEE0-FA05-400F-817F-BBF35D8677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90957" y="382539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4" name="OTLSHAPE_T_85ffb43cdd974451936cad87c9bb5db3_ShapePercentage" hidden="1">
            <a:extLst>
              <a:ext uri="{FF2B5EF4-FFF2-40B4-BE49-F238E27FC236}">
                <a16:creationId xmlns:a16="http://schemas.microsoft.com/office/drawing/2014/main" id="{CFFFAAC7-671F-47BA-A0E7-E10D1D573D8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192713" y="424263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6" name="OTLSHAPE_T_ee4428baded44f1b9fbe66b5519219b5_ShapePercentage" hidden="1">
            <a:extLst>
              <a:ext uri="{FF2B5EF4-FFF2-40B4-BE49-F238E27FC236}">
                <a16:creationId xmlns:a16="http://schemas.microsoft.com/office/drawing/2014/main" id="{46C8684E-B416-46A3-89F3-024E43FF28C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193297" y="465987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28" name="OTLSHAPE_T_a1a676fbd78545babb16ecc35d69518b_ShapePercentage" hidden="1">
            <a:extLst>
              <a:ext uri="{FF2B5EF4-FFF2-40B4-BE49-F238E27FC236}">
                <a16:creationId xmlns:a16="http://schemas.microsoft.com/office/drawing/2014/main" id="{9AC9DCC0-DBB1-4998-88C4-DF13B5219C3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3694029" y="507710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30" name="OTLSHAPE_T_cfe82d0cbb74492e9807beb8c9c7b909_ShapePercentage" hidden="1">
            <a:extLst>
              <a:ext uri="{FF2B5EF4-FFF2-40B4-BE49-F238E27FC236}">
                <a16:creationId xmlns:a16="http://schemas.microsoft.com/office/drawing/2014/main" id="{BA41BA35-E0F7-4507-ACA1-1672DF6A983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6194759" y="549434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232" name="OTLSHAPE_T_9a73e463353c4d2abb641342adde4731_ShapePercentage" hidden="1">
            <a:extLst>
              <a:ext uri="{FF2B5EF4-FFF2-40B4-BE49-F238E27FC236}">
                <a16:creationId xmlns:a16="http://schemas.microsoft.com/office/drawing/2014/main" id="{EDBB330C-7222-47E1-B1AE-23E675BC109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6194759" y="625262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600"/>
          </a:p>
        </p:txBody>
      </p:sp>
      <p:sp>
        <p:nvSpPr>
          <p:cNvPr id="77" name="OTLSHAPE_T_e1664b10a79849eaa7bb591159e4ff69_Duration" hidden="1">
            <a:extLst>
              <a:ext uri="{FF2B5EF4-FFF2-40B4-BE49-F238E27FC236}">
                <a16:creationId xmlns:a16="http://schemas.microsoft.com/office/drawing/2014/main" id="{2DBA36A7-445B-4725-97C4-46003972019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987" y="-609719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8 days</a:t>
            </a:r>
          </a:p>
        </p:txBody>
      </p:sp>
      <p:sp>
        <p:nvSpPr>
          <p:cNvPr id="78" name="OTLSHAPE_T_e1664b10a79849eaa7bb591159e4ff69_TextPercentage" hidden="1">
            <a:extLst>
              <a:ext uri="{FF2B5EF4-FFF2-40B4-BE49-F238E27FC236}">
                <a16:creationId xmlns:a16="http://schemas.microsoft.com/office/drawing/2014/main" id="{669DB9DF-A7A3-48B9-B90F-E9A33B3E01A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79" name="OTLSHAPE_T_e1664b10a79849eaa7bb591159e4ff69_StartDate" hidden="1">
            <a:extLst>
              <a:ext uri="{FF2B5EF4-FFF2-40B4-BE49-F238E27FC236}">
                <a16:creationId xmlns:a16="http://schemas.microsoft.com/office/drawing/2014/main" id="{669D1D6B-1854-4721-BEC3-EDF11A6D2F3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80" name="OTLSHAPE_T_e1664b10a79849eaa7bb591159e4ff69_EndDate" hidden="1">
            <a:extLst>
              <a:ext uri="{FF2B5EF4-FFF2-40B4-BE49-F238E27FC236}">
                <a16:creationId xmlns:a16="http://schemas.microsoft.com/office/drawing/2014/main" id="{E69FFE42-AFD0-4466-A88C-C8A9AE06447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81" name="OTLSHAPE_T_e1664b10a79849eaa7bb591159e4ff69_JoinedDate">
            <a:extLst>
              <a:ext uri="{FF2B5EF4-FFF2-40B4-BE49-F238E27FC236}">
                <a16:creationId xmlns:a16="http://schemas.microsoft.com/office/drawing/2014/main" id="{8EE98F2C-6552-411A-8EE9-C32F7223A2B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57975" y="3798509"/>
            <a:ext cx="2336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2000" spc="-8" dirty="0" err="1">
                <a:solidFill>
                  <a:schemeClr val="dk2"/>
                </a:solidFill>
                <a:latin typeface="Calibri" panose="020F0502020204030204" pitchFamily="34" charset="0"/>
              </a:rPr>
              <a:t>Thur</a:t>
            </a:r>
            <a:r>
              <a:rPr lang="en-US" sz="2000" spc="-8" dirty="0">
                <a:solidFill>
                  <a:schemeClr val="dk2"/>
                </a:solidFill>
                <a:latin typeface="Calibri" panose="020F0502020204030204" pitchFamily="34" charset="0"/>
              </a:rPr>
              <a:t> 27.Oct - Fri 4.Nov</a:t>
            </a:r>
          </a:p>
        </p:txBody>
      </p:sp>
      <p:sp>
        <p:nvSpPr>
          <p:cNvPr id="82" name="OTLSHAPE_T_e1664b10a79849eaa7bb591159e4ff69_Title">
            <a:extLst>
              <a:ext uri="{FF2B5EF4-FFF2-40B4-BE49-F238E27FC236}">
                <a16:creationId xmlns:a16="http://schemas.microsoft.com/office/drawing/2014/main" id="{83BDCCBD-FE85-47B4-8210-85826087862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293673" y="3783121"/>
            <a:ext cx="4267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12">
                <a:solidFill>
                  <a:schemeClr val="dk1"/>
                </a:solidFill>
                <a:latin typeface="Calibri" panose="020F0502020204030204" pitchFamily="34" charset="0"/>
              </a:rPr>
              <a:t>Nomination / Register to vote Period</a:t>
            </a:r>
          </a:p>
        </p:txBody>
      </p:sp>
      <p:sp>
        <p:nvSpPr>
          <p:cNvPr id="109" name="OTLSHAPE_T_85ffb43cdd974451936cad87c9bb5db3_Duration" hidden="1">
            <a:extLst>
              <a:ext uri="{FF2B5EF4-FFF2-40B4-BE49-F238E27FC236}">
                <a16:creationId xmlns:a16="http://schemas.microsoft.com/office/drawing/2014/main" id="{8315A2CE-548D-4A6A-91FA-0BFABAFBEF9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987" y="-598507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4 days</a:t>
            </a:r>
          </a:p>
        </p:txBody>
      </p:sp>
      <p:sp>
        <p:nvSpPr>
          <p:cNvPr id="110" name="OTLSHAPE_T_85ffb43cdd974451936cad87c9bb5db3_TextPercentage" hidden="1">
            <a:extLst>
              <a:ext uri="{FF2B5EF4-FFF2-40B4-BE49-F238E27FC236}">
                <a16:creationId xmlns:a16="http://schemas.microsoft.com/office/drawing/2014/main" id="{BBFE2795-C211-4159-A668-CF6F894F04F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11" name="OTLSHAPE_T_85ffb43cdd974451936cad87c9bb5db3_StartDate" hidden="1">
            <a:extLst>
              <a:ext uri="{FF2B5EF4-FFF2-40B4-BE49-F238E27FC236}">
                <a16:creationId xmlns:a16="http://schemas.microsoft.com/office/drawing/2014/main" id="{D1FFE264-C792-468C-A7C8-0140D01A593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12" name="OTLSHAPE_T_85ffb43cdd974451936cad87c9bb5db3_EndDate" hidden="1">
            <a:extLst>
              <a:ext uri="{FF2B5EF4-FFF2-40B4-BE49-F238E27FC236}">
                <a16:creationId xmlns:a16="http://schemas.microsoft.com/office/drawing/2014/main" id="{54C790EC-AD73-4991-B9B2-AA4DB559BA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13" name="OTLSHAPE_T_85ffb43cdd974451936cad87c9bb5db3_JoinedDate">
            <a:extLst>
              <a:ext uri="{FF2B5EF4-FFF2-40B4-BE49-F238E27FC236}">
                <a16:creationId xmlns:a16="http://schemas.microsoft.com/office/drawing/2014/main" id="{B01B6454-71B5-41B3-A5E0-EB679937943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570923" y="4215747"/>
            <a:ext cx="2540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2000" spc="-4">
                <a:solidFill>
                  <a:schemeClr val="dk2"/>
                </a:solidFill>
                <a:latin typeface="Calibri" panose="020F0502020204030204" pitchFamily="34" charset="0"/>
              </a:rPr>
              <a:t>Mon 7.Nov - Thu 10.Nov</a:t>
            </a:r>
            <a:endParaRPr lang="en-US" sz="2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85ffb43cdd974451936cad87c9bb5db3_Title">
            <a:extLst>
              <a:ext uri="{FF2B5EF4-FFF2-40B4-BE49-F238E27FC236}">
                <a16:creationId xmlns:a16="http://schemas.microsoft.com/office/drawing/2014/main" id="{784CAA29-BD09-4712-B6DE-35734752216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294549" y="4200359"/>
            <a:ext cx="2006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16">
                <a:solidFill>
                  <a:schemeClr val="dk1"/>
                </a:solidFill>
                <a:latin typeface="Calibri" panose="020F0502020204030204" pitchFamily="34" charset="0"/>
              </a:rPr>
              <a:t>Slate preparation</a:t>
            </a:r>
          </a:p>
        </p:txBody>
      </p:sp>
      <p:sp>
        <p:nvSpPr>
          <p:cNvPr id="141" name="OTLSHAPE_T_ee4428baded44f1b9fbe66b5519219b5_Duration" hidden="1">
            <a:extLst>
              <a:ext uri="{FF2B5EF4-FFF2-40B4-BE49-F238E27FC236}">
                <a16:creationId xmlns:a16="http://schemas.microsoft.com/office/drawing/2014/main" id="{1F3FD60B-712C-423F-8FDC-614F6FE53A3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6987" y="-609719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42" name="OTLSHAPE_T_ee4428baded44f1b9fbe66b5519219b5_TextPercentage" hidden="1">
            <a:extLst>
              <a:ext uri="{FF2B5EF4-FFF2-40B4-BE49-F238E27FC236}">
                <a16:creationId xmlns:a16="http://schemas.microsoft.com/office/drawing/2014/main" id="{779B2C9E-EBE7-45E5-9B38-AD08D6D6455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43" name="OTLSHAPE_T_ee4428baded44f1b9fbe66b5519219b5_StartDate" hidden="1">
            <a:extLst>
              <a:ext uri="{FF2B5EF4-FFF2-40B4-BE49-F238E27FC236}">
                <a16:creationId xmlns:a16="http://schemas.microsoft.com/office/drawing/2014/main" id="{669FE138-E3D0-4595-93EA-3500337144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44" name="OTLSHAPE_T_ee4428baded44f1b9fbe66b5519219b5_EndDate" hidden="1">
            <a:extLst>
              <a:ext uri="{FF2B5EF4-FFF2-40B4-BE49-F238E27FC236}">
                <a16:creationId xmlns:a16="http://schemas.microsoft.com/office/drawing/2014/main" id="{DF7AC282-5D42-48B1-9337-25DD0143F0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45" name="OTLSHAPE_T_ee4428baded44f1b9fbe66b5519219b5_JoinedDate">
            <a:extLst>
              <a:ext uri="{FF2B5EF4-FFF2-40B4-BE49-F238E27FC236}">
                <a16:creationId xmlns:a16="http://schemas.microsoft.com/office/drawing/2014/main" id="{7A56456B-8A90-4186-97EE-2C09997AD1E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686571" y="4632983"/>
            <a:ext cx="2413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a-DK" sz="2000" spc="-12">
                <a:solidFill>
                  <a:schemeClr val="dk2"/>
                </a:solidFill>
                <a:latin typeface="Calibri" panose="020F0502020204030204" pitchFamily="34" charset="0"/>
              </a:rPr>
              <a:t>Fri 11.Nov - Tue 15.Nov</a:t>
            </a:r>
            <a:endParaRPr lang="en-US" sz="2000" spc="-1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e4428baded44f1b9fbe66b5519219b5_Title">
            <a:extLst>
              <a:ext uri="{FF2B5EF4-FFF2-40B4-BE49-F238E27FC236}">
                <a16:creationId xmlns:a16="http://schemas.microsoft.com/office/drawing/2014/main" id="{19AFBF47-315C-4D5F-AD83-23011313376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3795281" y="4617595"/>
            <a:ext cx="15748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20">
                <a:solidFill>
                  <a:schemeClr val="dk1"/>
                </a:solidFill>
                <a:latin typeface="Calibri" panose="020F0502020204030204" pitchFamily="34" charset="0"/>
              </a:rPr>
              <a:t>Voting Period</a:t>
            </a:r>
          </a:p>
        </p:txBody>
      </p:sp>
      <p:sp>
        <p:nvSpPr>
          <p:cNvPr id="149" name="OTLSHAPE_T_a1a676fbd78545babb16ecc35d69518b_Duration" hidden="1">
            <a:extLst>
              <a:ext uri="{FF2B5EF4-FFF2-40B4-BE49-F238E27FC236}">
                <a16:creationId xmlns:a16="http://schemas.microsoft.com/office/drawing/2014/main" id="{A479051D-B555-476A-B7B4-C1982E6A80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6987" y="-598507"/>
            <a:ext cx="660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3 days</a:t>
            </a:r>
          </a:p>
        </p:txBody>
      </p:sp>
      <p:sp>
        <p:nvSpPr>
          <p:cNvPr id="150" name="OTLSHAPE_T_a1a676fbd78545babb16ecc35d69518b_TextPercentage" hidden="1">
            <a:extLst>
              <a:ext uri="{FF2B5EF4-FFF2-40B4-BE49-F238E27FC236}">
                <a16:creationId xmlns:a16="http://schemas.microsoft.com/office/drawing/2014/main" id="{01660D44-B80B-469C-A772-AFADD92AF4D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51" name="OTLSHAPE_T_a1a676fbd78545babb16ecc35d69518b_StartDate" hidden="1">
            <a:extLst>
              <a:ext uri="{FF2B5EF4-FFF2-40B4-BE49-F238E27FC236}">
                <a16:creationId xmlns:a16="http://schemas.microsoft.com/office/drawing/2014/main" id="{90A251CF-1442-465D-A1C6-17FF979AC11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52" name="OTLSHAPE_T_a1a676fbd78545babb16ecc35d69518b_EndDate" hidden="1">
            <a:extLst>
              <a:ext uri="{FF2B5EF4-FFF2-40B4-BE49-F238E27FC236}">
                <a16:creationId xmlns:a16="http://schemas.microsoft.com/office/drawing/2014/main" id="{FE3E3899-FB2C-4C7E-A85B-E5BE0B414FE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53" name="OTLSHAPE_T_a1a676fbd78545babb16ecc35d69518b_JoinedDate">
            <a:extLst>
              <a:ext uri="{FF2B5EF4-FFF2-40B4-BE49-F238E27FC236}">
                <a16:creationId xmlns:a16="http://schemas.microsoft.com/office/drawing/2014/main" id="{F799E0BD-ADFB-43AD-A09D-95E8430E88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1078675" y="5050221"/>
            <a:ext cx="2514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2000" spc="-8">
                <a:solidFill>
                  <a:schemeClr val="dk2"/>
                </a:solidFill>
                <a:latin typeface="Calibri" panose="020F0502020204030204" pitchFamily="34" charset="0"/>
              </a:rPr>
              <a:t>Wed 16.Nov - Fri 18.Nov</a:t>
            </a:r>
          </a:p>
        </p:txBody>
      </p:sp>
      <p:sp>
        <p:nvSpPr>
          <p:cNvPr id="154" name="OTLSHAPE_T_a1a676fbd78545babb16ecc35d69518b_Title">
            <a:extLst>
              <a:ext uri="{FF2B5EF4-FFF2-40B4-BE49-F238E27FC236}">
                <a16:creationId xmlns:a16="http://schemas.microsoft.com/office/drawing/2014/main" id="{64F649B6-7D4A-4966-91A6-B6DAF778FA9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5295721" y="5034833"/>
            <a:ext cx="2362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8">
                <a:solidFill>
                  <a:schemeClr val="dk1"/>
                </a:solidFill>
                <a:latin typeface="Calibri" panose="020F0502020204030204" pitchFamily="34" charset="0"/>
              </a:rPr>
              <a:t>Confirmation period</a:t>
            </a:r>
          </a:p>
        </p:txBody>
      </p:sp>
      <p:sp>
        <p:nvSpPr>
          <p:cNvPr id="173" name="OTLSHAPE_T_cfe82d0cbb74492e9807beb8c9c7b909_Duration" hidden="1">
            <a:extLst>
              <a:ext uri="{FF2B5EF4-FFF2-40B4-BE49-F238E27FC236}">
                <a16:creationId xmlns:a16="http://schemas.microsoft.com/office/drawing/2014/main" id="{23241D50-58C6-4B97-B4F6-51C08B23E1D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6987" y="-455831"/>
            <a:ext cx="5588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1 day</a:t>
            </a:r>
          </a:p>
        </p:txBody>
      </p:sp>
      <p:sp>
        <p:nvSpPr>
          <p:cNvPr id="174" name="OTLSHAPE_T_cfe82d0cbb74492e9807beb8c9c7b909_TextPercentage" hidden="1">
            <a:extLst>
              <a:ext uri="{FF2B5EF4-FFF2-40B4-BE49-F238E27FC236}">
                <a16:creationId xmlns:a16="http://schemas.microsoft.com/office/drawing/2014/main" id="{2CFD58E4-53E8-46DD-8304-A4711EF5569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75" name="OTLSHAPE_T_cfe82d0cbb74492e9807beb8c9c7b909_StartDate" hidden="1">
            <a:extLst>
              <a:ext uri="{FF2B5EF4-FFF2-40B4-BE49-F238E27FC236}">
                <a16:creationId xmlns:a16="http://schemas.microsoft.com/office/drawing/2014/main" id="{EBC29B4E-62E5-4239-833F-E804063882D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76" name="OTLSHAPE_T_cfe82d0cbb74492e9807beb8c9c7b909_EndDate" hidden="1">
            <a:extLst>
              <a:ext uri="{FF2B5EF4-FFF2-40B4-BE49-F238E27FC236}">
                <a16:creationId xmlns:a16="http://schemas.microsoft.com/office/drawing/2014/main" id="{21047250-EEB7-4C45-8B58-AF069661FDF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177" name="OTLSHAPE_T_cfe82d0cbb74492e9807beb8c9c7b909_JoinedDate">
            <a:extLst>
              <a:ext uri="{FF2B5EF4-FFF2-40B4-BE49-F238E27FC236}">
                <a16:creationId xmlns:a16="http://schemas.microsoft.com/office/drawing/2014/main" id="{2511F381-5D6A-4590-A6FB-F80D66EA857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4817995" y="5467457"/>
            <a:ext cx="1320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2000" spc="-8">
                <a:solidFill>
                  <a:schemeClr val="dk2"/>
                </a:solidFill>
                <a:latin typeface="Calibri" panose="020F0502020204030204" pitchFamily="34" charset="0"/>
              </a:rPr>
              <a:t>Mon 21.Nov</a:t>
            </a:r>
          </a:p>
        </p:txBody>
      </p:sp>
      <p:sp>
        <p:nvSpPr>
          <p:cNvPr id="178" name="OTLSHAPE_T_cfe82d0cbb74492e9807beb8c9c7b909_Title">
            <a:extLst>
              <a:ext uri="{FF2B5EF4-FFF2-40B4-BE49-F238E27FC236}">
                <a16:creationId xmlns:a16="http://schemas.microsoft.com/office/drawing/2014/main" id="{D025D36E-BC46-49C2-858F-94B5D266753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6796159" y="5452069"/>
            <a:ext cx="6121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8">
                <a:solidFill>
                  <a:schemeClr val="dk1"/>
                </a:solidFill>
                <a:latin typeface="Calibri" panose="020F0502020204030204" pitchFamily="34" charset="0"/>
              </a:rPr>
              <a:t>Blog announcement of members for each committee</a:t>
            </a:r>
          </a:p>
        </p:txBody>
      </p:sp>
      <p:sp>
        <p:nvSpPr>
          <p:cNvPr id="197" name="OTLSHAPE_T_9a73e463353c4d2abb641342adde4731_Duration" hidden="1">
            <a:extLst>
              <a:ext uri="{FF2B5EF4-FFF2-40B4-BE49-F238E27FC236}">
                <a16:creationId xmlns:a16="http://schemas.microsoft.com/office/drawing/2014/main" id="{6AF50B72-FC92-485C-BA63-E9232F1C5C1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6987" y="-752395"/>
            <a:ext cx="78740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>
                <a:solidFill>
                  <a:schemeClr val="accent2"/>
                </a:solidFill>
              </a:rPr>
              <a:t>10 days</a:t>
            </a:r>
          </a:p>
        </p:txBody>
      </p:sp>
      <p:sp>
        <p:nvSpPr>
          <p:cNvPr id="198" name="OTLSHAPE_T_9a73e463353c4d2abb641342adde4731_TextPercentage" hidden="1">
            <a:extLst>
              <a:ext uri="{FF2B5EF4-FFF2-40B4-BE49-F238E27FC236}">
                <a16:creationId xmlns:a16="http://schemas.microsoft.com/office/drawing/2014/main" id="{419DFE2A-67FB-40AA-83AB-9FB1EAEC2E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99" name="OTLSHAPE_T_9a73e463353c4d2abb641342adde4731_StartDate" hidden="1">
            <a:extLst>
              <a:ext uri="{FF2B5EF4-FFF2-40B4-BE49-F238E27FC236}">
                <a16:creationId xmlns:a16="http://schemas.microsoft.com/office/drawing/2014/main" id="{F5D318EF-2F73-48E1-AFAB-10CF20CC0AD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200" name="OTLSHAPE_T_9a73e463353c4d2abb641342adde4731_EndDate" hidden="1">
            <a:extLst>
              <a:ext uri="{FF2B5EF4-FFF2-40B4-BE49-F238E27FC236}">
                <a16:creationId xmlns:a16="http://schemas.microsoft.com/office/drawing/2014/main" id="{DA3F7F49-2001-4118-B434-1494C600214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987" y="-537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2000">
              <a:solidFill>
                <a:schemeClr val="dk2"/>
              </a:solidFill>
            </a:endParaRPr>
          </a:p>
        </p:txBody>
      </p:sp>
      <p:sp>
        <p:nvSpPr>
          <p:cNvPr id="201" name="OTLSHAPE_T_9a73e463353c4d2abb641342adde4731_JoinedDate">
            <a:extLst>
              <a:ext uri="{FF2B5EF4-FFF2-40B4-BE49-F238E27FC236}">
                <a16:creationId xmlns:a16="http://schemas.microsoft.com/office/drawing/2014/main" id="{84C021E1-AD87-4CEF-84C8-4D7D2750F9C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3721561" y="6225733"/>
            <a:ext cx="2387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n-NO" sz="2000" spc="-4">
                <a:solidFill>
                  <a:schemeClr val="dk2"/>
                </a:solidFill>
                <a:latin typeface="Calibri" panose="020F0502020204030204" pitchFamily="34" charset="0"/>
              </a:rPr>
              <a:t>Mon 21.Nov - Fri 2.Dec</a:t>
            </a:r>
            <a:endParaRPr lang="en-US" sz="2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9a73e463353c4d2abb641342adde4731_Title">
            <a:extLst>
              <a:ext uri="{FF2B5EF4-FFF2-40B4-BE49-F238E27FC236}">
                <a16:creationId xmlns:a16="http://schemas.microsoft.com/office/drawing/2014/main" id="{DE798F9F-422A-45A5-A704-27FCD64D53A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2297769" y="5871790"/>
            <a:ext cx="2082800" cy="10156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>
                <a:solidFill>
                  <a:schemeClr val="dk1"/>
                </a:solidFill>
                <a:latin typeface="Calibri" panose="020F0502020204030204" pitchFamily="34" charset="0"/>
              </a:rPr>
              <a:t>Transition Week - Committee initial meetings</a:t>
            </a:r>
          </a:p>
        </p:txBody>
      </p:sp>
      <p:sp>
        <p:nvSpPr>
          <p:cNvPr id="12" name="Title 108">
            <a:extLst>
              <a:ext uri="{FF2B5EF4-FFF2-40B4-BE49-F238E27FC236}">
                <a16:creationId xmlns:a16="http://schemas.microsoft.com/office/drawing/2014/main" id="{259544AE-7252-FC4D-272E-F0C47E041F0A}"/>
              </a:ext>
            </a:extLst>
          </p:cNvPr>
          <p:cNvSpPr txBox="1">
            <a:spLocks/>
          </p:cNvSpPr>
          <p:nvPr/>
        </p:nvSpPr>
        <p:spPr>
          <a:xfrm>
            <a:off x="1677987" y="730251"/>
            <a:ext cx="21031200" cy="2651126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8800" dirty="0"/>
              <a:t>Mojaloop Community Governance Elec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794821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0593D45-3911-F9D3-CFC3-750723D5D7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KE" dirty="0"/>
              <a:t>Ahsant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C347DD3-5860-90F3-FEED-B469544707D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KE" dirty="0">
                <a:hlinkClick r:id="rId2"/>
              </a:rPr>
              <a:t>soriko@mojaloop.io</a:t>
            </a:r>
            <a:endParaRPr lang="en-KE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1FA9F83-A49B-C385-D69D-921FB739B2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421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D68D430F-6E67-5949-A1ED-5C85DDDAA5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BC2CEDC6-2A98-0144-9884-13FE4653C70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200000"/>
              </a:lnSpc>
            </a:pPr>
            <a:r>
              <a:rPr lang="en-US" dirty="0"/>
              <a:t>Community Focus</a:t>
            </a:r>
          </a:p>
          <a:p>
            <a:pPr>
              <a:lnSpc>
                <a:spcPct val="200000"/>
              </a:lnSpc>
            </a:pPr>
            <a:r>
              <a:rPr lang="en-US" dirty="0"/>
              <a:t>2022 Community Governance Elections</a:t>
            </a:r>
          </a:p>
          <a:p>
            <a:pPr>
              <a:lnSpc>
                <a:spcPct val="200000"/>
              </a:lnSpc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BA68DB-A849-43A9-ADF8-ACDD34C3FC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22900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C205A-0451-81D5-0A07-08FC1C5B02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unity Focu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16907E5-354E-19BC-E9BD-942E9C772E9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785DA3-58DF-47A7-108C-210900EE12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66487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Require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4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30A041-533B-314F-7B94-B42EA06D99B6}"/>
              </a:ext>
            </a:extLst>
          </p:cNvPr>
          <p:cNvSpPr/>
          <p:nvPr/>
        </p:nvSpPr>
        <p:spPr>
          <a:xfrm>
            <a:off x="1885950" y="3743325"/>
            <a:ext cx="9486899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Make Adoption Easi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CE10A75-A10C-3DEB-72F8-3672DA4B4F32}"/>
              </a:ext>
            </a:extLst>
          </p:cNvPr>
          <p:cNvSpPr/>
          <p:nvPr/>
        </p:nvSpPr>
        <p:spPr>
          <a:xfrm>
            <a:off x="1885950" y="6467475"/>
            <a:ext cx="9486899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Achieve Scal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8A8BB80-93F0-09A4-43CA-ABA0A5A8D75C}"/>
              </a:ext>
            </a:extLst>
          </p:cNvPr>
          <p:cNvSpPr/>
          <p:nvPr/>
        </p:nvSpPr>
        <p:spPr>
          <a:xfrm>
            <a:off x="1885949" y="9191625"/>
            <a:ext cx="9486899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Connect to other systems</a:t>
            </a:r>
          </a:p>
        </p:txBody>
      </p:sp>
    </p:spTree>
    <p:extLst>
      <p:ext uri="{BB962C8B-B14F-4D97-AF65-F5344CB8AC3E}">
        <p14:creationId xmlns:p14="http://schemas.microsoft.com/office/powerpoint/2010/main" val="7605540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iority Pilla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5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30A041-533B-314F-7B94-B42EA06D99B6}"/>
              </a:ext>
            </a:extLst>
          </p:cNvPr>
          <p:cNvSpPr/>
          <p:nvPr/>
        </p:nvSpPr>
        <p:spPr>
          <a:xfrm rot="5400000">
            <a:off x="4377200" y="7024222"/>
            <a:ext cx="5981701" cy="204880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Make Adoption Easi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CE10A75-A10C-3DEB-72F8-3672DA4B4F32}"/>
              </a:ext>
            </a:extLst>
          </p:cNvPr>
          <p:cNvSpPr/>
          <p:nvPr/>
        </p:nvSpPr>
        <p:spPr>
          <a:xfrm rot="5400000">
            <a:off x="7908624" y="7048500"/>
            <a:ext cx="5981702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Achieve Scal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8A8BB80-93F0-09A4-43CA-ABA0A5A8D75C}"/>
              </a:ext>
            </a:extLst>
          </p:cNvPr>
          <p:cNvSpPr/>
          <p:nvPr/>
        </p:nvSpPr>
        <p:spPr>
          <a:xfrm rot="5400000">
            <a:off x="11415769" y="7048500"/>
            <a:ext cx="5981702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Connect to other systems</a:t>
            </a:r>
          </a:p>
        </p:txBody>
      </p:sp>
      <p:sp>
        <p:nvSpPr>
          <p:cNvPr id="3" name="Snip Same Side Corner Rectangle 2">
            <a:extLst>
              <a:ext uri="{FF2B5EF4-FFF2-40B4-BE49-F238E27FC236}">
                <a16:creationId xmlns:a16="http://schemas.microsoft.com/office/drawing/2014/main" id="{8CFE4F50-9A77-85FA-FF83-81FDDB5CF1FC}"/>
              </a:ext>
            </a:extLst>
          </p:cNvPr>
          <p:cNvSpPr/>
          <p:nvPr/>
        </p:nvSpPr>
        <p:spPr>
          <a:xfrm>
            <a:off x="5913137" y="11264896"/>
            <a:ext cx="9972675" cy="1225551"/>
          </a:xfrm>
          <a:prstGeom prst="snip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400" dirty="0"/>
              <a:t>Quality Product</a:t>
            </a:r>
          </a:p>
        </p:txBody>
      </p:sp>
      <p:sp>
        <p:nvSpPr>
          <p:cNvPr id="8" name="Triangle 7">
            <a:extLst>
              <a:ext uri="{FF2B5EF4-FFF2-40B4-BE49-F238E27FC236}">
                <a16:creationId xmlns:a16="http://schemas.microsoft.com/office/drawing/2014/main" id="{5705E467-DE0E-CBF2-1E96-160DC6E4C809}"/>
              </a:ext>
            </a:extLst>
          </p:cNvPr>
          <p:cNvSpPr/>
          <p:nvPr/>
        </p:nvSpPr>
        <p:spPr>
          <a:xfrm>
            <a:off x="6343647" y="2886075"/>
            <a:ext cx="9063098" cy="18859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48871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Require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6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30A041-533B-314F-7B94-B42EA06D99B6}"/>
              </a:ext>
            </a:extLst>
          </p:cNvPr>
          <p:cNvSpPr/>
          <p:nvPr/>
        </p:nvSpPr>
        <p:spPr>
          <a:xfrm>
            <a:off x="1885950" y="3743325"/>
            <a:ext cx="9486899" cy="20002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Make Adoption Easi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CE10A75-A10C-3DEB-72F8-3672DA4B4F32}"/>
              </a:ext>
            </a:extLst>
          </p:cNvPr>
          <p:cNvSpPr/>
          <p:nvPr/>
        </p:nvSpPr>
        <p:spPr>
          <a:xfrm>
            <a:off x="1885950" y="646747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Drive Scal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8A8BB80-93F0-09A4-43CA-ABA0A5A8D75C}"/>
              </a:ext>
            </a:extLst>
          </p:cNvPr>
          <p:cNvSpPr/>
          <p:nvPr/>
        </p:nvSpPr>
        <p:spPr>
          <a:xfrm>
            <a:off x="1885949" y="919162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Connect to other system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104B397E-6DD6-8C66-B98E-F0294428456A}"/>
              </a:ext>
            </a:extLst>
          </p:cNvPr>
          <p:cNvSpPr/>
          <p:nvPr/>
        </p:nvSpPr>
        <p:spPr>
          <a:xfrm>
            <a:off x="12401550" y="3743325"/>
            <a:ext cx="8486775" cy="74485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0" i="1" dirty="0"/>
              <a:t>Focused Messaging</a:t>
            </a:r>
          </a:p>
          <a:p>
            <a:pPr algn="ctr"/>
            <a:endParaRPr lang="en-US" sz="6000" dirty="0"/>
          </a:p>
          <a:p>
            <a:pPr algn="ctr"/>
            <a:r>
              <a:rPr lang="en-US" sz="6000" dirty="0"/>
              <a:t>Adoption Toolkit</a:t>
            </a:r>
          </a:p>
          <a:p>
            <a:pPr algn="ctr"/>
            <a:endParaRPr lang="en-US" sz="6000" dirty="0"/>
          </a:p>
          <a:p>
            <a:pPr algn="ctr"/>
            <a:r>
              <a:rPr lang="en-US" sz="6000" dirty="0"/>
              <a:t>Infrastructure</a:t>
            </a:r>
          </a:p>
          <a:p>
            <a:pPr algn="ctr"/>
            <a:endParaRPr lang="en-US" sz="6000" dirty="0"/>
          </a:p>
          <a:p>
            <a:pPr algn="ctr"/>
            <a:r>
              <a:rPr lang="en-US" sz="6000" dirty="0"/>
              <a:t>Portals / PM</a:t>
            </a:r>
          </a:p>
          <a:p>
            <a:pPr algn="ctr"/>
            <a:endParaRPr lang="en-US" sz="4000" dirty="0"/>
          </a:p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02326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Require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7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30A041-533B-314F-7B94-B42EA06D99B6}"/>
              </a:ext>
            </a:extLst>
          </p:cNvPr>
          <p:cNvSpPr/>
          <p:nvPr/>
        </p:nvSpPr>
        <p:spPr>
          <a:xfrm>
            <a:off x="1885950" y="374332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Make Adoption Easi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CE10A75-A10C-3DEB-72F8-3672DA4B4F32}"/>
              </a:ext>
            </a:extLst>
          </p:cNvPr>
          <p:cNvSpPr/>
          <p:nvPr/>
        </p:nvSpPr>
        <p:spPr>
          <a:xfrm>
            <a:off x="1885950" y="6467475"/>
            <a:ext cx="9486899" cy="2000250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Drive Scal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8A8BB80-93F0-09A4-43CA-ABA0A5A8D75C}"/>
              </a:ext>
            </a:extLst>
          </p:cNvPr>
          <p:cNvSpPr/>
          <p:nvPr/>
        </p:nvSpPr>
        <p:spPr>
          <a:xfrm>
            <a:off x="1885949" y="919162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Connect to other system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060BCB5-95BA-598E-6E60-ADF9DB801854}"/>
              </a:ext>
            </a:extLst>
          </p:cNvPr>
          <p:cNvSpPr/>
          <p:nvPr/>
        </p:nvSpPr>
        <p:spPr>
          <a:xfrm>
            <a:off x="12401550" y="3743325"/>
            <a:ext cx="8486775" cy="74485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0" i="1" dirty="0"/>
              <a:t>Merchant Payments</a:t>
            </a:r>
          </a:p>
          <a:p>
            <a:pPr algn="ctr"/>
            <a:endParaRPr lang="en-US" sz="6000" i="1" dirty="0"/>
          </a:p>
          <a:p>
            <a:pPr algn="ctr"/>
            <a:r>
              <a:rPr lang="en-US" sz="6000" i="1" dirty="0"/>
              <a:t>3PPI</a:t>
            </a:r>
            <a:endParaRPr lang="en-US" sz="6000" dirty="0"/>
          </a:p>
          <a:p>
            <a:pPr algn="ctr"/>
            <a:endParaRPr lang="en-US" sz="4000" dirty="0"/>
          </a:p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525858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rket Require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8</a:t>
            </a:fld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A30A041-533B-314F-7B94-B42EA06D99B6}"/>
              </a:ext>
            </a:extLst>
          </p:cNvPr>
          <p:cNvSpPr/>
          <p:nvPr/>
        </p:nvSpPr>
        <p:spPr>
          <a:xfrm>
            <a:off x="1885950" y="374332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Make Adoption Easi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CE10A75-A10C-3DEB-72F8-3672DA4B4F32}"/>
              </a:ext>
            </a:extLst>
          </p:cNvPr>
          <p:cNvSpPr/>
          <p:nvPr/>
        </p:nvSpPr>
        <p:spPr>
          <a:xfrm>
            <a:off x="1885950" y="6467475"/>
            <a:ext cx="9486899" cy="200025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Drive Scal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8A8BB80-93F0-09A4-43CA-ABA0A5A8D75C}"/>
              </a:ext>
            </a:extLst>
          </p:cNvPr>
          <p:cNvSpPr/>
          <p:nvPr/>
        </p:nvSpPr>
        <p:spPr>
          <a:xfrm>
            <a:off x="1885949" y="9191625"/>
            <a:ext cx="9486899" cy="2000250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dirty="0"/>
              <a:t>Work with other system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E9CC10E-DEED-494D-6DA8-6809333242E3}"/>
              </a:ext>
            </a:extLst>
          </p:cNvPr>
          <p:cNvSpPr/>
          <p:nvPr/>
        </p:nvSpPr>
        <p:spPr>
          <a:xfrm>
            <a:off x="12401550" y="3743325"/>
            <a:ext cx="8486775" cy="74485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0" i="1" dirty="0"/>
              <a:t>Cross Border</a:t>
            </a:r>
          </a:p>
          <a:p>
            <a:pPr algn="ctr"/>
            <a:endParaRPr lang="en-US" sz="6000" i="1" dirty="0"/>
          </a:p>
          <a:p>
            <a:pPr algn="ctr"/>
            <a:r>
              <a:rPr lang="en-US" sz="6000" i="1" dirty="0"/>
              <a:t>DPG interoperability</a:t>
            </a:r>
          </a:p>
          <a:p>
            <a:pPr algn="ctr"/>
            <a:endParaRPr lang="en-US" sz="6000" i="1" dirty="0"/>
          </a:p>
          <a:p>
            <a:pPr algn="ctr"/>
            <a:r>
              <a:rPr lang="en-US" sz="6000" i="1" dirty="0"/>
              <a:t>Modularity of adjacencies</a:t>
            </a:r>
            <a:endParaRPr lang="en-US" sz="6000" dirty="0"/>
          </a:p>
          <a:p>
            <a:pPr algn="ctr"/>
            <a:endParaRPr lang="en-US" sz="4000" dirty="0"/>
          </a:p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68216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AA6A72-DDB1-4643-887D-F1DF202D22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does this mean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5EF982-9D91-43CE-B42D-9820A14351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8" y="3651250"/>
            <a:ext cx="22040631" cy="8702676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</a:pPr>
            <a:r>
              <a:rPr lang="en-US" sz="5400" dirty="0"/>
              <a:t>Members of the community are still open to do what they want!</a:t>
            </a:r>
          </a:p>
          <a:p>
            <a:pPr>
              <a:spcAft>
                <a:spcPts val="1200"/>
              </a:spcAft>
            </a:pPr>
            <a:r>
              <a:rPr lang="en-US" sz="5400" dirty="0" err="1"/>
              <a:t>Mojaloop</a:t>
            </a:r>
            <a:r>
              <a:rPr lang="en-US" sz="5400" dirty="0"/>
              <a:t> Foundation team and resources will focus on these pillars</a:t>
            </a:r>
          </a:p>
          <a:p>
            <a:pPr>
              <a:spcAft>
                <a:spcPts val="1200"/>
              </a:spcAft>
            </a:pPr>
            <a:r>
              <a:rPr lang="en-US" sz="5400" dirty="0"/>
              <a:t>Thought leadership efforts will focus on these pillars</a:t>
            </a:r>
          </a:p>
          <a:p>
            <a:pPr>
              <a:spcAft>
                <a:spcPts val="1200"/>
              </a:spcAft>
            </a:pPr>
            <a:r>
              <a:rPr lang="en-US" sz="5400" dirty="0"/>
              <a:t>Grant programs will focus on initiatives supporting these pillars</a:t>
            </a:r>
          </a:p>
          <a:p>
            <a:pPr>
              <a:spcAft>
                <a:spcPts val="1200"/>
              </a:spcAft>
            </a:pPr>
            <a:r>
              <a:rPr lang="en-US" sz="5400" dirty="0"/>
              <a:t>Time and presentations at convening will focus on these pillars</a:t>
            </a:r>
          </a:p>
          <a:p>
            <a:pPr>
              <a:spcAft>
                <a:spcPts val="1200"/>
              </a:spcAft>
            </a:pPr>
            <a:r>
              <a:rPr lang="en-US" sz="5400" b="1" i="1" dirty="0"/>
              <a:t>Product Roadmap will be developed from these pillars</a:t>
            </a:r>
          </a:p>
          <a:p>
            <a:pPr marL="0" indent="0">
              <a:spcAft>
                <a:spcPts val="1200"/>
              </a:spcAft>
              <a:buNone/>
            </a:pPr>
            <a:endParaRPr lang="en-US" sz="4400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85FC88-8868-4D52-A6D8-CAB89F51BB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AF9D7A-5BEE-9245-944A-197F51D542D9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1617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oiUHJvIiwiTGFzdFNhdmVkRWRpdGlvbiI6MiwiSXNQbHVzRWRpdGlvbiI6dHJ1ZSwiSXNQcm9FZGl0aW9uIjp0cnVlfSwiRWZmZWN0IjoxLCJTdHlsZSI6eyIkaWQiOiIzIiwiVGltZWJhbmRTdHlsZSI6eyIkaWQiOiI0IiwiU2NhbGVNYXJraW5nIjoxLCJTaGFwZSI6MT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MTExLCJHIjo0OSwiQiI6MTUy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zLCJTaG93U2VnbWVudFNlcGFyYXRvcnMiOmZhbHN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ywiSGVpZ2h0IjoyMC4wfSwiTWlkZGxlVGllclNjYWxlU3R5bGUiOnsiJGlkIjoiNTAiLCJTaGFwZSI6MywiU2hvd1NlZ21lbnRTZXBhcmF0b3JzIjpmYWxz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MsIlNob3dTZWdtZW50U2VwYXJhdG9ycyI6ZmFsc2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mZhbHNlLCJFbGFwc2VkVGltZUZvcm1hdCI6MiwiVG9kYXlNYXJrZXJQb3NpdGlvbiI6MCwiUXVpY2tQb3NpdGlvbiI6MywiQWJzb2x1dGVQb3NpdGlvbiI6Mjg3LjMwNjE1MiwiTWFyZ2luIjp7IiRpZCI6IjU2IiwiVG9wIjowLjAsIkxlZnQiOjEwLjAsIlJpZ2h0IjoxMC4wLCJCb3R0b20iOjAuMH0sIlBhZGRpbmciOnsiJGlkIjoiNTciLCJUb3AiOjAuMCwiTGVmdCI6MC4wLCJSaWdodCI6MC4wLCJCb3R0b20iOjAuMH0sIkJhY2tncm91bmQiOnsiJGlkIjoiNTgiLCJDb2xvciI6eyIkaWQiOiI1OSIsIkEiOjI1NSwiUiI6NDcsIkciOjU0LCJCIjoxNTN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c5LCJHIjoxMjksIkIiOjE4OX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zLjAsIkhlaWdodCI6MTM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RGVmYXVsdFRhc2tTdHlsZSI6eyIkaWQiOiI5MCIsIlNoYXBlIjoxLCJTaGFwZVRoaWNrbmVzcyI6MCwiRHVyYXRpb25Gb3JtYXQiOjAsIkluY2x1ZGVOb25Xb3JraW5nRGF5c0luRHVyYXRpb24iOmZhbHNlLCJQZXJjZW50YWdlQ29tcGxldGV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ExIiwiTWFyZ2luIjp7IiRpZCI6IjExMiIsIlRvcCI6MC4wLCJMZWZ0Ijo0LjAsIlJpZ2h0Ijo0LjAsIkJvdHRvbSI6MC4wfSwiUGFkZGluZyI6eyIkaWQiOiIxMTMiLCJUb3AiOjAuMCwiTGVmdCI6MC4wLCJSaWdodCI6MC4wLCJCb3R0b20iOjAuMH0sIkJhY2tncm91bmQiOnsiJGlkIjoiMTE0IiwiQ29sb3IiOnsiJGlkIjoiMTE1IiwiQSI6MjU1LCJSIjowLCJHIjoxMTQsIkIiOjE4OH19LCJJc1Zpc2libGUiOnRydWUsIldpZHRoIjowLjAsIkhlaWdodCI6MTA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MjIifX0sIklzVmlzaWJsZSI6dHJ1ZSwiV2lkdGgiOjAuMCwiSGVpZ2h0IjowLjAsIkJvcmRlclN0eWxlIjpudWxsLCJQYXJlbnRTdHlsZSI6bnVsbH0sIkRhdGV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kZGQgZC9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AsIkciOjE2MywiQiI6MjU1fX0sIkxpbmVXZWlnaHQiOjEuMCwiTGluZVR5cGUiOjAsIlBhcmVudFN0eWxlIjpudWxsfSwiTWFyZ2luIjp7IiRpZCI6IjE0NyIsIlRvcCI6MC4wLCJMZWZ0IjowLjAsIlJpZ2h0IjowLjAsIkJvdHRvbSI6MC4wfSwiUGFkZGluZyI6eyIkaWQiOiIxND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MC4wLCJNYXhIZWlnaHQiOjAuMC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mZhbHN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mYWxz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m51bGx9LCJBdXRvU2l6ZSI6MCwiRm9yZWdyb3VuZCI6eyIkaWQiOiIxODkiLCJDb2xvciI6eyIkcmVmIjoiOTQi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HJlZiI6Ijk3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xMDEi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HJlZiI6IjEwNCJ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yZWYiOiIxMDYifSwiTGluZVdlaWdodCI6MS4wLCJMaW5lVHlwZSI6MCwiUGFyZW50U3R5bGUiOm51bGx9LCJWZXJ0aWNhbENvbm5lY3RvclN0eWxlIjp7IiRpZCI6IjIw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AxIiwiTWFyZ2luIjp7IiRpZCI6IjIwMiIsIlRvcCI6MC4wLCJMZWZ0Ijo0LjAsIlJpZ2h0Ijo0LjAsIkJvdHRvbSI6MC4wfSwiUGFkZGluZyI6eyIkaWQiOiIyMDMiLCJUb3AiOjAuMCwiTGVmdCI6MC4wLCJSaWdodCI6MC4wLCJCb3R0b20iOjAuMH0sIkJhY2tncm91bmQiOnsiJGlkIjoiMjA0IiwiQ29sb3IiOnsiJGlkIjoiMjA1IiwiQSI6MjU1LCJSIjoyMzcsIkciOjEyNSwiQiI6NDl9fSwiSXNWaXNpYmxlIjp0cnVlLCJXaWR0aCI6MC4wLCJIZWlnaHQiOjEwLjAsIkJvcmRlclN0eWxlIjp7IiRpZCI6IjIwNiIsIkxpbmVDb2xvciI6eyIkcmVmIjoiMTE3In0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TEiLCJUb3AiOjAuMCwiTGVmdCI6MC4wLCJSaWdodCI6MC4wLCJCb3R0b20iOjAuMH0sIlBhZGRpbmciOnsiJGlkIjoiMjEyIiwiVG9wIjowLjAsIkxlZnQiOjAuMCwiUmlnaHQiOjAuMCwiQm90dG9tIjowLjB9LCJCYWNrZ3JvdW5kIjp7IiRyZWYiOiIxMjUi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HJlZiI6IjEzMiJ9LCJJc1Zpc2libGUiOnRydWUsIldpZHRoIjowLjAsIkhlaWdodCI6MC4wLCJCb3JkZXJTdHlsZSI6eyIkaWQiOiIyMjAiLCJMaW5lQ29sb3IiOm51bGwsIkxpbmVXZWlnaHQiOjAuMCwiTGluZVR5cGUiOjAsIlBhcmVudFN0eWxlIjpudWxsfSwiUGFyZW50U3R5bGUiOm51bGx9LCJEYXRlRm9ybWF0Ijp7IiRpZCI6IjIy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udWxsfSwiQXV0b1NpemUiOjAsIkZvcmVncm91bmQiOnsiJGlkIjoiMjI5IiwiQ29sb3IiOnsiJHJlZiI6Ijk0In19LCJNYXhXaWR0aCI6MjAwLjAsIk1heEhlaWdodCI6IkluZmluaXR5Ii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yZWYiOiIxMDQifSwiSXNWaXNpYmxlIjp0cnVlLCJXaWR0aCI6MC4wLCJIZWlnaHQiOjAuMCwiQm9yZGVyU3R5bGUiOnsiJGlkIjoiMjM4IiwiTGluZUNvbG9yIjpudWxsLCJMaW5lV2VpZ2h0IjowLjAsIkxpbmVUeXBlIjowLCJQYXJlbnRTdHlsZSI6bnVsbH0sIlBhcmVudFN0eWxlIjpudWxsfSwiSG9yaXpvbnRhbENvbm5lY3RvclN0eWxlIjp7IiRpZCI6IjIzOSIsIkxpbmVDb2xvciI6eyIkcmVmIjoiMTA2In0sIkxpbmVXZWlnaHQiOjEuMCwiTGluZVR5cGUiOjAsIlBhcmVudFN0eWxlIjpudWxsfSwiVmVydGljYWxDb25uZWN0b3JTdHlsZSI6eyIkaWQiOiIyNDAiLCJMaW5lQ29sb3IiOnsiJHJlZiI6IjEw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0MSIsIk1hcmdpbiI6eyIkaWQiOiIyNDIiLCJUb3AiOjAuMCwiTGVmdCI6NC4wLCJSaWdodCI6NC4wLCJCb3R0b20iOjAuMH0sIlBhZGRpbmciOnsiJGlkIjoiMjQzIiwiVG9wIjowLjAsIkxlZnQiOjAuMCwiUmlnaHQiOjAuMCwiQm90dG9tIjowLjB9LCJCYWNrZ3JvdW5kIjp7IiRpZCI6IjI0NCIsIkNvbG9yIjp7IiRpZCI6IjI0NSIsIkEiOjI1NSwiUiI6MjM3LCJHIjoxMjUsIkIiOjQ5fX0sIklzVmlzaWJsZSI6dHJ1ZSwiV2lkdGgiOjAuMCwiSGVpZ2h0IjoxMC4wLCJCb3JkZXJTdHlsZSI6eyIkaWQiOiIyNDYiLCJMaW5lQ29sb3IiOnsiJHJlZiI6IjExNy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aWQiOiIyNDkiLCJDb2xvciI6eyIkaWQiOiIyN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cmVmIjoiMTI1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GlkIjoiMj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HJlZiI6IjEwNCJ9LCJJc1Zpc2libGUiOnRydWUsIldpZHRoIjowLjAsIkhlaWdodCI6MC4wLCJCb3JkZXJTdHlsZSI6eyIkaWQiOiIyNzgiLCJMaW5lQ29sb3IiOm51bGwsIkxpbmVXZWlnaHQiOjAuMCwiTGluZVR5cGUiOjAsIlBhcmVudFN0eWxlIjpudWxsfSwiUGFyZW50U3R5bGUiOm51bGx9LCJIb3Jpem9udGFsQ29ubmVjdG9yU3R5bGUiOnsiJGlkIjoiMjc5IiwiTGluZUNvbG9yIjp7IiRyZWYiOiIxMDYifSwiTGluZVdlaWdodCI6MS4wLCJMaW5lVHlwZSI6MCwiUGFyZW50U3R5bGUiOm51bGx9LCJWZXJ0aWNhbENvbm5lY3RvclN0eWxlIjp7IiRpZCI6IjI4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xIiwiTWFyZ2luIjp7IiRpZCI6IjI4MiIsIlRvcCI6MC4wLCJMZWZ0Ijo0LjAsIlJpZ2h0Ijo0LjAsIkJvdHRvbSI6MC4wfSwiUGFkZGluZyI6eyIkaWQiOiIyODMiLCJUb3AiOjAuMCwiTGVmdCI6MC4wLCJSaWdodCI6MC4wLCJCb3R0b20iOjAuMH0sIkJhY2tncm91bmQiOnsiJGlkIjoiMjg0IiwiQ29sb3IiOnsiJGlkIjoiMjg1IiwiQSI6MjU1LCJSIjoyMzcsIkciOjEyNSwiQiI6NDl9fSwiSXNWaXNpYmxlIjp0cnVlLCJXaWR0aCI6MC4wLCJIZWlnaHQiOjEwLjAsIkJvcmRlclN0eWxlIjp7IiRpZCI6IjI4NiIsIkxpbmVDb2xvciI6eyIkcmVmIjoiMTE3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pZCI6IjI4OSIsIkNvbG9yIjp7IiRpZCI6IjI5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OTEiLCJUb3AiOjAuMCwiTGVmdCI6MC4wLCJSaWdodCI6MC4wLCJCb3R0b20iOjAuMH0sIlBhZGRpbmciOnsiJGlkIjoiMjkyIiwiVG9wIjowLjAsIkxlZnQiOjAuMCwiUmlnaHQiOjAuMCwiQm90dG9tIjowLjB9LCJCYWNrZ3JvdW5kIjp7IiRyZWYiOiIxMjU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HJlZiI6IjEzMiJ9LCJJc1Zpc2libGUiOnRydWUsIldpZHRoIjowLjAsIkhlaWdodCI6MC4wLCJCb3JkZXJTdHlsZSI6eyIkaWQiOiIzMDAiLCJMaW5lQ29sb3IiOm51bGwsIkxpbmVXZWlnaHQiOjAuMCwiTGluZVR5cGUiOjAsIlBhcmVudFN0eWxlIjpudWxsfSwiUGFyZW50U3R5bGUiOm51bGx9LCJEYXRlRm9ybWF0Ijp7IiRpZCI6IjMw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HJlZiI6Ijk3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DEi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HJlZiI6IjEwNCJ9LCJJc1Zpc2libGUiOnRydWUsIldpZHRoIjowLjAsIkhlaWdodCI6MC4wLCJCb3JkZXJTdHlsZSI6eyIkaWQiOiIzMTgiLCJMaW5lQ29sb3IiOm51bGwsIkxpbmVXZWlnaHQiOjAuMCwiTGluZVR5cGUiOjAsIlBhcmVudFN0eWxlIjpudWxsfSwiUGFyZW50U3R5bGUiOm51bGx9LCJIb3Jpem9udGFsQ29ubmVjdG9yU3R5bGUiOnsiJGlkIjoiMzE5IiwiTGluZUNvbG9yIjp7IiRyZWYiOiIxMDYifSwiTGluZVdlaWdodCI6MS4wLCJMaW5lVHlwZSI6MCwiUGFyZW50U3R5bGUiOm51bGx9LCJWZXJ0aWNhbENvbm5lY3RvclN0eWxlIjp7IiRpZCI6IjMy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yMzcsIkciOjEyNSwiQiI6NDl9fSwiSXNWaXNpYmxlIjp0cnVlLCJXaWR0aCI6MC4wLCJIZWlnaHQiOjEwLjAsIkJvcmRlclN0eWxlIjp7IiRpZCI6IjMyNiIsIkxpbmVDb2xvciI6eyIkcmVmIjoiMTE3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yZWYiOiIxMjU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HJlZiI6IjEzMiJ9LCJJc1Zpc2libGUiOnRydWUsIldpZHRoIjowLjAsIkhlaWdodCI6MC4wLCJCb3JkZXJTdHlsZSI6eyIkaWQiOiIzNDAiLCJMaW5lQ29sb3IiOm51bGwsIkxpbmVXZWlnaHQiOjAuMCwiTGluZVR5cGUiOjAsIlBhcmVudFN0eWxlIjpudWxsfSwiUGFyZW50U3R5bGUiOm51bGx9LCJEYXRlRm9ybWF0Ijp7IiRpZCI6IjM0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TQifX0sIk1heFdpZHRoIjoyMDAuMCwiTWF4SGVpZ2h0IjoiSW5maW5pdHkiLCJTbWFydEZvcmVncm91bmRJc0FjdGl2ZSI6ZmFsc2UsIkhvcml6b250YWxBbGlnbm1lbnQiOjA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HJlZiI6Ijk3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xMDEi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HJlZiI6IjEwNC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xMDYifSwiTGluZVdlaWdodCI6MS4wLCJMaW5lVHlwZSI6MCwiUGFyZW50U3R5bGUiOm51bGx9LCJWZXJ0aWNhbENvbm5lY3RvclN0eWxlIjp7IiRpZCI6IjM2M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zYxIiwiTWFyZ2luIjp7IiRpZCI6IjM2MiIsIlRvcCI6MC4wLCJMZWZ0Ijo0LjAsIlJpZ2h0Ijo0LjAsIkJvdHRvbSI6MC4wfSwiUGFkZGluZyI6eyIkaWQiOiIzNjMiLCJUb3AiOjAuMCwiTGVmdCI6MC4wLCJSaWdodCI6MC4wLCJCb3R0b20iOjAuMH0sIkJhY2tncm91bmQiOnsiJGlkIjoiMzY0IiwiQ29sb3IiOnsiJGlkIjoiMzY1IiwiQSI6MjU1LCJSIjoyMzcsIkciOjEyNSwiQiI6NDl9fSwiSXNWaXNpYmxlIjp0cnVlLCJXaWR0aCI6MC4wLCJIZWlnaHQiOjEwLjAsIkJvcmRlclN0eWxlIjp7IiRpZCI6IjM2NiIsIkxpbmVDb2xvciI6eyIkcmVmIjoiMTE3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yZWYiOiIxMjUi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HJlZiI6IjEzMiJ9LCJJc1Zpc2libGUiOnRydWUsIldpZHRoIjowLjAsIkhlaWdodCI6MC4wLCJCb3JkZXJTdHlsZSI6eyIkaWQiOiIzODAiLCJMaW5lQ29sb3IiOm51bGwsIkxpbmVXZWlnaHQiOjAuMCwiTGluZVR5cGUiOjAsIlBhcmVudFN0eWxlIjpudWxsfSwiUGFyZW50U3R5bGUiOm51bGx9LCJEYXRlRm9ybWF0Ijp7IiRpZCI6IjM4MSIsIkZvcm1hdFN0cmluZyI6ImRkZCBkLk1NTSIsIlNlcGFyYXRvciI6Ii4iLCJVc2VJbnRlcm5hdGlvbmFsRGF0ZUZvcm1hdCI6dHJ1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5NCJ9fSwiTWF4V2lkdGgiOjIwMC4w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eyIkcmVmIjoiOTc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EwMSJ9fSwiTWF4V2lkdGgiOjIwMC4wLCJNYXhIZWlnaHQiOiJJbmZpbml0eSIsIlNtYXJ0Rm9yZWdyb3VuZElzQWN0aXZlIjpmYWxzZSwiSG9yaXpvbnRhbEFsaWdubWVudCI6MC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cmVmIjoiMTA0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EwNiJ9LCJMaW5lV2VpZ2h0IjoxLjAsIkxpbmVUeXBlIjowLCJQYXJlbnRTdHlsZSI6bnVsbH0sIlZlcnRpY2FsQ29ubmVjdG9yU3R5bGUiOnsiJGlkIjoiNDAwIiwiTGluZUNvbG9yIjp7IiRyZWYiOiIxMD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MDEiLCJNYXJnaW4iOnsiJGlkIjoiNDAyIiwiVG9wIjowLjAsIkxlZnQiOjQuMCwiUmlnaHQiOjQuMCwiQm90dG9tIjowLjB9LCJQYWRkaW5nIjp7IiRpZCI6IjQwMyIsIlRvcCI6MC4wLCJMZWZ0IjowLjAsIlJpZ2h0IjowLjAsIkJvdHRvbSI6MC4wfSwiQmFja2dyb3VuZCI6eyIkaWQiOiI0MDQiLCJDb2xvciI6eyIkaWQiOiI0MDUiLCJBIjoyNTUsIlIiOjIzNywiRyI6MTI1LCJCIjo0OX19LCJJc1Zpc2libGUiOnRydWUsIldpZHRoIjowLjAsIkhlaWdodCI6MTAuMCwiQm9yZGVyU3R5bGUiOnsiJGlkIjoiNDA2IiwiTGluZUNvbG9yIjp7IiRyZWYiOiIxMTc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HJlZiI6IjEyNS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kiLCJMaW5lQ29sb3IiOm51bGwsIkxpbmVXZWlnaHQiOjAuMCwiTGluZVR5cGUiOjAsIlBhcmVudFN0eWxlIjpudWxsfSwiUGFyZW50U3R5bGUiOm51bGx9LCJEdXJhdGlvblN0eWxlIjp7IiRpZCI6IjQzMCIsIkZvbnRTZXR0aW5ncyI6eyIkaWQiOiI0MzEiLCJGb250U2l6ZSI6MTAsIkZvbnROYW1lIjoiQ2FsaWJyaSIsIklzQm9sZCI6ZmFsc2UsIklzSXRhbGljIjpmYWxzZSwiSXNVbmRlcmxpbmVkIjpmYWxzZSwiUGFyZW50U3R5bGUiOm51bGx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0MzIiLCJMaW5lQ29sb3IiOm51bGwsIkxpbmVXZWlnaHQiOjAuMCwiTGluZVR5cGUiOjAsIlBhcmVudFN0eWxlIjpudWxsfSwiUGFyZW50U3R5bGUiOm51bGx9LCJIb3Jpem9udGFsQ29ubmVjdG9yU3R5bGUiOnsiJGlkIjoiNDMzIiwiTGluZUNvbG9yIjp7IiRyZWYiOiIxMDYifSwiTGluZVdlaWdodCI6MS4wLCJMaW5lVHlwZSI6MCwiUGFyZW50U3R5bGUiOm51bGx9LCJWZXJ0aWNhbENvbm5lY3RvclN0eWxlIjp7IiRpZCI6IjQzNC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G1jYW5ub25cXE9uZURyaXZlIC0gVmlydHVhbCwgSW5jXFxNb2phbG9vcFxcTW9qYWxvb3AtQ1MtT25nb2luZyBPcGVyYXRpb25zIChleHBvcnQpLnhscyIsIlRpbWVDb25maWd1cmF0aW9uIjp7IiRpZCI6IjQ1M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6T00:00:00.0000000Z"/>
  <p:tag name="OTLENDDATE" val="2022-11-04T23:59:00.0000000Z"/>
  <p:tag name="OTLDATEFORMATSTRING" val="ddd d.MMM"/>
  <p:tag name="OTLDATEFORMATSEPARATOR" val=".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07T00:00:00.0000000Z"/>
  <p:tag name="OTLENDDATE" val="2022-11-10T23:59:00.0000000Z"/>
  <p:tag name="OTLDATEFORMATSTRING" val="ddd d.MMM"/>
  <p:tag name="OTLDATEFORMATSEPARATOR" val=".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1T00:00:00.0000000Z"/>
  <p:tag name="OTLENDDATE" val="2022-11-15T23:59:00.0000000Z"/>
  <p:tag name="OTLDATEFORMATSTRING" val="ddd d.MMM"/>
  <p:tag name="OTLDATEFORMATSEPARATOR" val=".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16T00:00:00.0000000Z"/>
  <p:tag name="OTLENDDATE" val="2022-11-18T23:59:00.0000000Z"/>
  <p:tag name="OTLDATEFORMATSTRING" val="ddd d.MMM"/>
  <p:tag name="OTLDATEFORMATSEPARATOR" val=".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1-21T23:59:00.0000000Z"/>
  <p:tag name="OTLDATEFORMATSTRING" val="ddd d.MMM"/>
  <p:tag name="OTLDATEFORMATSEPARATOR" val=".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1-21T00:00:00.0000000Z"/>
  <p:tag name="OTLENDDATE" val="2022-12-02T23:59:00.0000000Z"/>
  <p:tag name="OTLDATEFORMATSTRING" val="ddd d.MMM"/>
  <p:tag name="OTLDATEFORMATSEPARATOR" val=".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/dd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12-02T23:59:00.000000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ojaloop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00A3FF"/>
      </a:accent1>
      <a:accent2>
        <a:srgbClr val="FC440F"/>
      </a:accent2>
      <a:accent3>
        <a:srgbClr val="0010BE"/>
      </a:accent3>
      <a:accent4>
        <a:srgbClr val="FDE74C"/>
      </a:accent4>
      <a:accent5>
        <a:srgbClr val="00DFB1"/>
      </a:accent5>
      <a:accent6>
        <a:srgbClr val="BE0098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8AAC203550B4E40A8ED4C6A11385C01" ma:contentTypeVersion="13" ma:contentTypeDescription="Create a new document." ma:contentTypeScope="" ma:versionID="1a8e0f591d3b1b40aba590a9e5f96a61">
  <xsd:schema xmlns:xsd="http://www.w3.org/2001/XMLSchema" xmlns:xs="http://www.w3.org/2001/XMLSchema" xmlns:p="http://schemas.microsoft.com/office/2006/metadata/properties" xmlns:ns2="af12d3ca-d309-4d9b-872e-f669d895b06e" xmlns:ns3="6354f033-77ec-451f-a4b1-89785309665d" targetNamespace="http://schemas.microsoft.com/office/2006/metadata/properties" ma:root="true" ma:fieldsID="fc14388904a9ca4fc1dcdc7ac7762609" ns2:_="" ns3:_="">
    <xsd:import namespace="af12d3ca-d309-4d9b-872e-f669d895b06e"/>
    <xsd:import namespace="6354f033-77ec-451f-a4b1-8978530966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12d3ca-d309-4d9b-872e-f669d895b06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354f033-77ec-451f-a4b1-89785309665d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4E880100-AD93-4165-9435-CF4F80F1243C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477486D-5603-4835-9990-7EF1E294A9D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f12d3ca-d309-4d9b-872e-f669d895b06e"/>
    <ds:schemaRef ds:uri="6354f033-77ec-451f-a4b1-89785309665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1D56013-FFA3-4AA5-BFCF-7C4A0141612A}">
  <ds:schemaRefs>
    <ds:schemaRef ds:uri="http://purl.org/dc/elements/1.1/"/>
    <ds:schemaRef ds:uri="http://schemas.microsoft.com/office/2006/metadata/properties"/>
    <ds:schemaRef ds:uri="http://purl.org/dc/terms/"/>
    <ds:schemaRef ds:uri="6354f033-77ec-451f-a4b1-89785309665d"/>
    <ds:schemaRef ds:uri="http://www.w3.org/XML/1998/namespace"/>
    <ds:schemaRef ds:uri="http://schemas.microsoft.com/office/infopath/2007/PartnerControls"/>
    <ds:schemaRef ds:uri="http://schemas.microsoft.com/office/2006/documentManagement/types"/>
    <ds:schemaRef ds:uri="http://schemas.openxmlformats.org/package/2006/metadata/core-properties"/>
    <ds:schemaRef ds:uri="af12d3ca-d309-4d9b-872e-f669d895b06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152</TotalTime>
  <Words>436</Words>
  <Application>Microsoft Macintosh PowerPoint</Application>
  <PresentationFormat>Custom</PresentationFormat>
  <Paragraphs>108</Paragraphs>
  <Slides>1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6" baseType="lpstr">
      <vt:lpstr>Arial</vt:lpstr>
      <vt:lpstr>Calibri</vt:lpstr>
      <vt:lpstr>Office Theme</vt:lpstr>
      <vt:lpstr>PI-20 Community Update </vt:lpstr>
      <vt:lpstr>Agenda</vt:lpstr>
      <vt:lpstr>Community Focus</vt:lpstr>
      <vt:lpstr>Market Requirements</vt:lpstr>
      <vt:lpstr>Priority Pillars</vt:lpstr>
      <vt:lpstr>Market Requirements</vt:lpstr>
      <vt:lpstr>Market Requirements</vt:lpstr>
      <vt:lpstr>Market Requirements</vt:lpstr>
      <vt:lpstr>What does this mean?</vt:lpstr>
      <vt:lpstr>Community Governance Elections</vt:lpstr>
      <vt:lpstr>2022 Election Slate</vt:lpstr>
      <vt:lpstr>PowerPoint Presentation</vt:lpstr>
      <vt:lpstr>Ahsant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udor Vedeanu</dc:creator>
  <cp:lastModifiedBy>Simeon Oriko</cp:lastModifiedBy>
  <cp:revision>24</cp:revision>
  <dcterms:created xsi:type="dcterms:W3CDTF">2020-01-08T21:13:28Z</dcterms:created>
  <dcterms:modified xsi:type="dcterms:W3CDTF">2022-10-27T06:45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8AAC203550B4E40A8ED4C6A11385C01</vt:lpwstr>
  </property>
</Properties>
</file>